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6. Robo\84-2025 Endoskopická súprava na odber ciev\03. Príprava\06. PTK\01. Odoslané\"/>
    </mc:Choice>
  </mc:AlternateContent>
  <bookViews>
    <workbookView xWindow="-120" yWindow="-120" windowWidth="29040" windowHeight="17520"/>
  </bookViews>
  <sheets>
    <sheet name="PTK - Ponuka" sheetId="8" r:id="rId1"/>
  </sheets>
  <definedNames>
    <definedName name="_xlnm.Print_Area" localSheetId="0">'PTK - Ponuka'!$A$1:$F$11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3" uniqueCount="145">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1.1</t>
  </si>
  <si>
    <t>1.1.1</t>
  </si>
  <si>
    <t>1.1.2</t>
  </si>
  <si>
    <t>1.1.3</t>
  </si>
  <si>
    <t>1.1.4</t>
  </si>
  <si>
    <t>1.1.5</t>
  </si>
  <si>
    <t>1.1.6</t>
  </si>
  <si>
    <t>1.2</t>
  </si>
  <si>
    <t>1.2.1</t>
  </si>
  <si>
    <t>1.2.2</t>
  </si>
  <si>
    <t>1.2.3</t>
  </si>
  <si>
    <t>1.3</t>
  </si>
  <si>
    <t>1.3.1</t>
  </si>
  <si>
    <t>1.3.2</t>
  </si>
  <si>
    <t>musí obsahovať nasledovné produkty:</t>
  </si>
  <si>
    <t>Endoskopická súprava na odber ciev</t>
  </si>
  <si>
    <t>Endoskopický systém na odber ciev -  je sterilný, na jedno použitie určený set, ktorý obsahuje nasledujúce komponenty:  disektor, odoberač cievy a trokar</t>
  </si>
  <si>
    <t>Predpokladané množstvo MJ za zmluvné obdobie
36 mesiacov</t>
  </si>
  <si>
    <t>Atraumatický kužeľovitý hrot disektora zabezpečuje konzistentnú a rovnomernú preparáciu tkaniva. Slúži na vytvorenie tunelu, resp. oddelenie tukového tkaniva od ciev a bočných vetiev ciev.</t>
  </si>
  <si>
    <t>Požadovaná pracovná dĺžka disektora: min 38,5 cm max. 42,5 cm umožňuje preparáciu dlhších úsekov cievy.</t>
  </si>
  <si>
    <t>Disektor obsahuje PTFE vrstvu, čo znižuje trenie o tkanivo.</t>
  </si>
  <si>
    <t>Ergonomický dizajn rukoväte disektora znižuje riziko únavy a zaťaženia ruky.</t>
  </si>
  <si>
    <t>Centrovanie krúžkov na kužeľovitej špičke disektora napomáha lepšej vizualizácii.</t>
  </si>
  <si>
    <t>Musí obsahovať integrovanú insuflačnú hadičku pre napojenie na externý insuflátor - CO₂ je tak privádzané na špičku nástroja a trvalo zabezpečuje dostatočný priestor v tuneli, čo zlepšuje viditeľnosť.</t>
  </si>
  <si>
    <t>Položka č. 1 - Endoskopická súprava na odber ciev</t>
  </si>
  <si>
    <t>33140000-3 Zdravotnícky spotrebný materiál</t>
  </si>
  <si>
    <t>Pozostáva zo systému podberača  od min. 37 cm do max. 40cm dlhého a systému rezača a koagulácie v jednom, ktorý je napojiteľný na generátor.</t>
  </si>
  <si>
    <t>Mechanizmus slúži v prvom kroku ako podberač,  ktorým sa cieva zachytí, zafixuje a uzamkne. Držiak jemne obklopuje a chráni cievu počas odberu. Bilaterálne zárezy ukotvujú vetvu aby poskytli optimálnu napnutosť cievy počas rezania  vetiev.</t>
  </si>
  <si>
    <t>Integrovaný bipolárny kábel zvyšuje efektivitu chirurgickej prípravy tým, že znižuje počet krokov a pripojení potrebných na odber cievy.</t>
  </si>
  <si>
    <t>Podberač obsahuje aj integrovaný stierač, ktorý umožňuje čistenie šošovky endoskopu bez prerušenia zákroku a bez pridania kvapaliny do pracovnej dutiny, čím sa zabezpečuje nepretržitý čistý výhľad počas celého výkonu.</t>
  </si>
  <si>
    <t>Požadovaná kompatibilita pripojenia na bipolar s už existujúcimi elektrogenerátormi: ValleyLab Force FX, Valleylab Force FX-C, FT10, Bovie – Aaron OR PRO300, ConMed System 5000, Covidien Force Triad.</t>
  </si>
  <si>
    <t>1.2.4</t>
  </si>
  <si>
    <t>1.2.5</t>
  </si>
  <si>
    <t>1.2.6</t>
  </si>
  <si>
    <t>Kompatibilita s 5,5 mm rigidným endoskopom na odber ciev</t>
  </si>
  <si>
    <t>Produkt č. 1 - Disektor</t>
  </si>
  <si>
    <t>Uľahčuje vstup do tunela počas odberu cievy a umožňuje plynulý posun podberača alebo disektora bez narušenia prietoku krvi v mieste incízie.</t>
  </si>
  <si>
    <t>Prístroj je možné používať jednoručne, čo zabezpečuje ergonomický dizajn rukoväte.</t>
  </si>
  <si>
    <r>
      <rPr>
        <sz val="10"/>
        <color theme="1"/>
        <rFont val="Arial"/>
        <family val="2"/>
        <charset val="238"/>
      </rPr>
      <t>V prípade, ak je to relevantné,</t>
    </r>
    <r>
      <rPr>
        <b/>
        <sz val="10"/>
        <color theme="1"/>
        <rFont val="Arial"/>
        <family val="2"/>
        <charset val="238"/>
      </rPr>
      <t xml:space="preserve"> Potvrdenie ŠÚKL </t>
    </r>
    <r>
      <rPr>
        <sz val="10"/>
        <color theme="1"/>
        <rFont val="Arial"/>
        <family val="2"/>
        <charset val="238"/>
      </rPr>
      <t>(výstup z databázy registrovaných/evidovaných zdravotníckych pomôcok), resp. iné doklady, ktoré nahrádzajú požadované potvrdenie</t>
    </r>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Produkt č. 2 - Odoberač cievy s integrovaným bipolárnym káblom</t>
  </si>
  <si>
    <t>Produkt č. 3 - Neokluzívny troka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4: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5.</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6.</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7.</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8.</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9.</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0.</t>
  </si>
  <si>
    <t>Požaduje sa, aby dodávateľ v čase predloženia ponuky a zároveň počas trvania rámcovej dohody bol oprávnený na poskytnutie plnenia predmetu zákazky.</t>
  </si>
  <si>
    <t>11.</t>
  </si>
  <si>
    <t>Požaduje sa možnosť uplatnenia si náhrady škody u dodávateľa vo výške vzniknutých finančných nákladov a/alebo možnosť vrátenia nespotrebovanej časti tovaru v prípade nedodržania požiadaviek uvedenýchv zmluvných podmienkách.</t>
  </si>
  <si>
    <t>1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3.</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4.</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5.</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Požaduje sa uzatvorenie rámcovej dohody, a to na na dohodnuté zmluvné obdobie dvanástich (36) kalendárnych mesiacov, resp. do doby naplnenia zmluvného finančného objemu podľa toho, ktorá z uvedených skutočností nastane skô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5">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medium">
        <color auto="1"/>
      </top>
      <bottom style="thin">
        <color auto="1"/>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thin">
        <color auto="1"/>
      </left>
      <right/>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style="thin">
        <color auto="1"/>
      </left>
      <right/>
      <top style="thin">
        <color auto="1"/>
      </top>
      <bottom style="medium">
        <color indexed="64"/>
      </bottom>
      <diagonal/>
    </border>
    <border>
      <left/>
      <right style="medium">
        <color indexed="64"/>
      </right>
      <top style="thin">
        <color auto="1"/>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54">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vertical="center"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15" xfId="0" applyNumberFormat="1" applyFont="1" applyFill="1" applyBorder="1" applyAlignment="1" applyProtection="1">
      <alignment horizontal="center" vertical="center" wrapText="1"/>
    </xf>
    <xf numFmtId="0" fontId="3" fillId="6" borderId="8" xfId="0" applyFont="1" applyFill="1" applyBorder="1" applyAlignment="1" applyProtection="1">
      <alignment horizontal="left" vertical="center" wrapText="1"/>
    </xf>
    <xf numFmtId="49" fontId="2" fillId="6" borderId="9" xfId="0" applyNumberFormat="1" applyFont="1" applyFill="1" applyBorder="1" applyAlignment="1" applyProtection="1">
      <alignment horizontal="center" vertical="center" wrapText="1"/>
    </xf>
    <xf numFmtId="0" fontId="2" fillId="6" borderId="16" xfId="0" applyFont="1" applyFill="1" applyBorder="1" applyAlignment="1" applyProtection="1">
      <alignment horizontal="left" vertical="center" wrapText="1"/>
    </xf>
    <xf numFmtId="0" fontId="2" fillId="0" borderId="13" xfId="0" applyNumberFormat="1" applyFont="1" applyBorder="1" applyAlignment="1" applyProtection="1">
      <alignment horizontal="center" vertical="center" wrapText="1"/>
      <protection locked="0"/>
    </xf>
    <xf numFmtId="0" fontId="2" fillId="0" borderId="16" xfId="0" applyNumberFormat="1"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7" fillId="0" borderId="8" xfId="0" applyNumberFormat="1" applyFont="1" applyBorder="1" applyAlignment="1" applyProtection="1">
      <alignment horizontal="center" vertical="center" wrapText="1"/>
      <protection locked="0"/>
    </xf>
    <xf numFmtId="49" fontId="2" fillId="0" borderId="6" xfId="0" applyNumberFormat="1" applyFont="1" applyFill="1" applyBorder="1" applyAlignment="1" applyProtection="1">
      <alignment horizontal="center" vertical="center" wrapText="1"/>
    </xf>
    <xf numFmtId="49" fontId="2" fillId="6" borderId="6" xfId="0" applyNumberFormat="1" applyFont="1" applyFill="1" applyBorder="1" applyAlignment="1" applyProtection="1">
      <alignment horizontal="center" vertical="center" wrapText="1"/>
    </xf>
    <xf numFmtId="3" fontId="4" fillId="6" borderId="8" xfId="0" applyNumberFormat="1" applyFont="1" applyFill="1" applyBorder="1" applyAlignment="1" applyProtection="1">
      <alignment horizontal="center" vertical="center" wrapText="1"/>
      <protection locked="0"/>
    </xf>
    <xf numFmtId="49" fontId="2" fillId="0" borderId="6" xfId="0" applyNumberFormat="1" applyFont="1" applyBorder="1" applyAlignment="1" applyProtection="1">
      <alignment vertical="center"/>
    </xf>
    <xf numFmtId="49" fontId="4" fillId="0" borderId="8" xfId="0" applyNumberFormat="1" applyFont="1" applyFill="1" applyBorder="1" applyAlignment="1" applyProtection="1">
      <alignment horizontal="left" vertical="center" wrapText="1"/>
    </xf>
    <xf numFmtId="49" fontId="4" fillId="5" borderId="8" xfId="0" applyNumberFormat="1" applyFont="1" applyFill="1" applyBorder="1" applyAlignment="1" applyProtection="1">
      <alignment horizontal="left" vertical="center" wrapText="1"/>
    </xf>
    <xf numFmtId="49" fontId="2" fillId="0" borderId="6" xfId="0" applyNumberFormat="1" applyFont="1" applyFill="1" applyBorder="1" applyAlignment="1" applyProtection="1">
      <alignment vertical="center"/>
    </xf>
    <xf numFmtId="49" fontId="2" fillId="0" borderId="9" xfId="0" applyNumberFormat="1" applyFont="1" applyBorder="1" applyAlignment="1" applyProtection="1">
      <alignment vertical="center"/>
    </xf>
    <xf numFmtId="0" fontId="4" fillId="0" borderId="25" xfId="0" applyFont="1" applyFill="1" applyBorder="1" applyAlignment="1" applyProtection="1">
      <alignment vertical="center" wrapText="1"/>
    </xf>
    <xf numFmtId="49" fontId="2" fillId="0" borderId="30" xfId="0" applyNumberFormat="1" applyFont="1" applyFill="1" applyBorder="1" applyAlignment="1" applyProtection="1">
      <alignment horizontal="center" vertical="center" wrapText="1"/>
    </xf>
    <xf numFmtId="0" fontId="4" fillId="0" borderId="3" xfId="0" applyFont="1" applyFill="1" applyBorder="1" applyAlignment="1" applyProtection="1">
      <alignment vertical="center" wrapText="1"/>
    </xf>
    <xf numFmtId="0" fontId="4" fillId="0" borderId="26" xfId="0" applyFont="1" applyFill="1" applyBorder="1" applyAlignment="1" applyProtection="1">
      <alignment vertical="center" wrapText="1"/>
    </xf>
    <xf numFmtId="49" fontId="2" fillId="0" borderId="31" xfId="0" applyNumberFormat="1" applyFont="1" applyFill="1" applyBorder="1" applyAlignment="1" applyProtection="1">
      <alignment horizontal="right" vertical="center" wrapText="1"/>
    </xf>
    <xf numFmtId="0" fontId="4" fillId="6" borderId="27" xfId="0" applyFont="1" applyFill="1" applyBorder="1" applyAlignment="1" applyProtection="1">
      <alignment vertical="center" wrapText="1"/>
    </xf>
    <xf numFmtId="0" fontId="4" fillId="0" borderId="27" xfId="0" applyFont="1" applyFill="1" applyBorder="1" applyAlignment="1" applyProtection="1">
      <alignment vertical="center" wrapText="1"/>
    </xf>
    <xf numFmtId="0" fontId="4" fillId="0" borderId="28" xfId="0" applyFont="1" applyFill="1" applyBorder="1" applyAlignment="1" applyProtection="1">
      <alignment vertical="center" wrapText="1"/>
    </xf>
    <xf numFmtId="0" fontId="4" fillId="0" borderId="29" xfId="0" applyFont="1" applyFill="1" applyBorder="1" applyAlignment="1" applyProtection="1">
      <alignment vertical="center" wrapText="1"/>
    </xf>
    <xf numFmtId="0" fontId="4" fillId="6" borderId="3" xfId="0" applyFont="1" applyFill="1" applyBorder="1" applyAlignment="1" applyProtection="1">
      <alignment vertical="center" wrapText="1"/>
    </xf>
    <xf numFmtId="49" fontId="2" fillId="0" borderId="32" xfId="0" applyNumberFormat="1" applyFont="1" applyFill="1" applyBorder="1" applyAlignment="1" applyProtection="1">
      <alignment horizontal="center" vertical="center" wrapText="1"/>
    </xf>
    <xf numFmtId="49" fontId="2" fillId="0" borderId="9" xfId="0" applyNumberFormat="1" applyFont="1" applyFill="1" applyBorder="1" applyAlignment="1" applyProtection="1">
      <alignment horizontal="center" vertical="center" wrapText="1"/>
    </xf>
    <xf numFmtId="0" fontId="4" fillId="0" borderId="33" xfId="0" applyFont="1" applyFill="1" applyBorder="1" applyAlignment="1" applyProtection="1">
      <alignment vertical="center" wrapText="1"/>
    </xf>
    <xf numFmtId="0" fontId="2" fillId="6" borderId="13" xfId="0" applyFont="1" applyFill="1" applyBorder="1" applyAlignment="1" applyProtection="1">
      <alignment horizontal="left" vertical="top" wrapText="1"/>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49" fontId="2" fillId="0" borderId="3" xfId="0" applyNumberFormat="1" applyFont="1" applyBorder="1" applyAlignment="1" applyProtection="1">
      <alignment horizontal="left" vertical="center" wrapText="1"/>
      <protection locked="0"/>
    </xf>
    <xf numFmtId="49" fontId="2" fillId="0" borderId="34" xfId="0" applyNumberFormat="1" applyFont="1" applyBorder="1" applyAlignment="1" applyProtection="1">
      <alignment horizontal="left" vertical="center" wrapText="1"/>
      <protection locked="0"/>
    </xf>
    <xf numFmtId="0" fontId="2" fillId="0" borderId="0" xfId="0" applyFont="1" applyFill="1" applyAlignment="1" applyProtection="1">
      <alignment horizontal="center" vertical="top" wrapText="1"/>
      <protection locked="0"/>
    </xf>
    <xf numFmtId="0" fontId="4" fillId="6" borderId="0" xfId="0" applyFont="1" applyFill="1" applyAlignment="1" applyProtection="1">
      <alignment horizontal="left"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49"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0" fontId="4" fillId="0" borderId="3" xfId="0" applyFont="1" applyFill="1" applyBorder="1" applyAlignment="1" applyProtection="1">
      <alignment horizontal="left" vertical="center" wrapText="1"/>
      <protection locked="0"/>
    </xf>
    <xf numFmtId="0" fontId="4" fillId="0" borderId="4" xfId="0" applyFont="1" applyFill="1" applyBorder="1" applyAlignment="1" applyProtection="1">
      <alignment horizontal="left" vertical="center"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49" fontId="4" fillId="2" borderId="23" xfId="0" applyNumberFormat="1" applyFont="1" applyFill="1" applyBorder="1" applyAlignment="1" applyProtection="1">
      <alignment horizontal="center" vertical="center" wrapText="1"/>
      <protection locked="0"/>
    </xf>
    <xf numFmtId="49" fontId="4" fillId="2" borderId="24" xfId="0" applyNumberFormat="1" applyFont="1" applyFill="1" applyBorder="1" applyAlignment="1" applyProtection="1">
      <alignment horizontal="center" vertical="center" wrapText="1"/>
      <protection locked="0"/>
    </xf>
    <xf numFmtId="49" fontId="4" fillId="0" borderId="13" xfId="0" applyNumberFormat="1" applyFont="1" applyFill="1" applyBorder="1" applyAlignment="1" applyProtection="1">
      <alignment horizontal="left" vertical="center"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3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26"/>
  <sheetViews>
    <sheetView showGridLines="0" tabSelected="1" zoomScale="90" zoomScaleNormal="90" workbookViewId="0"/>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98" t="s">
        <v>43</v>
      </c>
      <c r="C1" s="98"/>
      <c r="D1" s="98"/>
      <c r="E1" s="98"/>
      <c r="F1" s="98"/>
    </row>
    <row r="2" spans="2:6" s="12" customFormat="1" ht="27.75" customHeight="1" x14ac:dyDescent="0.2">
      <c r="B2" s="97" t="s">
        <v>41</v>
      </c>
      <c r="C2" s="97"/>
      <c r="D2" s="97"/>
      <c r="E2" s="97"/>
      <c r="F2" s="97"/>
    </row>
    <row r="3" spans="2:6" s="12" customFormat="1" ht="54.75" customHeight="1" x14ac:dyDescent="0.2">
      <c r="B3" s="103" t="s">
        <v>46</v>
      </c>
      <c r="C3" s="103"/>
      <c r="D3" s="103"/>
      <c r="E3" s="103"/>
      <c r="F3" s="103"/>
    </row>
    <row r="4" spans="2:6" ht="24.95" customHeight="1" x14ac:dyDescent="0.2">
      <c r="B4" s="13" t="s">
        <v>45</v>
      </c>
      <c r="C4" s="14"/>
      <c r="D4" s="90"/>
      <c r="E4" s="90"/>
      <c r="F4" s="90"/>
    </row>
    <row r="5" spans="2:6" ht="24.95" customHeight="1" x14ac:dyDescent="0.2">
      <c r="B5" s="13" t="s">
        <v>44</v>
      </c>
      <c r="C5" s="15"/>
      <c r="D5" s="90"/>
      <c r="E5" s="90"/>
      <c r="F5" s="90"/>
    </row>
    <row r="6" spans="2:6" ht="15.75" customHeight="1" x14ac:dyDescent="0.2">
      <c r="B6" s="90"/>
      <c r="C6" s="90"/>
      <c r="D6" s="90"/>
      <c r="E6" s="90"/>
      <c r="F6" s="90"/>
    </row>
    <row r="7" spans="2:6" s="16" customFormat="1" ht="20.100000000000001" customHeight="1" x14ac:dyDescent="0.25">
      <c r="B7" s="94" t="s">
        <v>5</v>
      </c>
      <c r="C7" s="94"/>
      <c r="D7" s="94"/>
      <c r="E7" s="94"/>
      <c r="F7" s="94"/>
    </row>
    <row r="8" spans="2:6" s="16" customFormat="1" ht="20.100000000000001" customHeight="1" x14ac:dyDescent="0.25">
      <c r="B8" s="105" t="s">
        <v>9</v>
      </c>
      <c r="C8" s="105"/>
      <c r="D8" s="105"/>
      <c r="E8" s="105"/>
      <c r="F8" s="105"/>
    </row>
    <row r="9" spans="2:6" ht="28.5" customHeight="1" x14ac:dyDescent="0.2">
      <c r="B9" s="106" t="s">
        <v>80</v>
      </c>
      <c r="C9" s="106"/>
      <c r="D9" s="106"/>
      <c r="E9" s="106"/>
      <c r="F9" s="106"/>
    </row>
    <row r="10" spans="2:6" ht="4.5" customHeight="1" x14ac:dyDescent="0.2">
      <c r="B10" s="17"/>
      <c r="C10" s="17"/>
      <c r="D10" s="17"/>
      <c r="E10" s="17"/>
      <c r="F10" s="17"/>
    </row>
    <row r="11" spans="2:6" s="16" customFormat="1" ht="20.100000000000001" customHeight="1" x14ac:dyDescent="0.25">
      <c r="B11" s="107" t="s">
        <v>10</v>
      </c>
      <c r="C11" s="107"/>
      <c r="D11" s="107"/>
      <c r="E11" s="107"/>
      <c r="F11" s="107"/>
    </row>
    <row r="12" spans="2:6" s="19" customFormat="1" ht="20.100000000000001" customHeight="1" x14ac:dyDescent="0.25">
      <c r="B12" s="104" t="s">
        <v>90</v>
      </c>
      <c r="C12" s="104"/>
      <c r="D12" s="104"/>
      <c r="E12" s="18"/>
      <c r="F12" s="18"/>
    </row>
    <row r="13" spans="2:6" s="19" customFormat="1" ht="20.100000000000001" customHeight="1" x14ac:dyDescent="0.25">
      <c r="B13" s="104" t="s">
        <v>59</v>
      </c>
      <c r="C13" s="104"/>
      <c r="D13" s="104"/>
      <c r="E13" s="18"/>
      <c r="F13" s="18"/>
    </row>
    <row r="14" spans="2:6" ht="4.5" customHeight="1" x14ac:dyDescent="0.2">
      <c r="B14" s="91"/>
      <c r="C14" s="91"/>
      <c r="D14" s="91"/>
      <c r="E14" s="17"/>
      <c r="F14" s="17"/>
    </row>
    <row r="15" spans="2:6" ht="20.100000000000001" customHeight="1" x14ac:dyDescent="0.2">
      <c r="B15" s="20" t="s">
        <v>11</v>
      </c>
      <c r="C15" s="21"/>
      <c r="D15" s="21"/>
      <c r="E15" s="22"/>
      <c r="F15" s="22"/>
    </row>
    <row r="16" spans="2:6" s="25" customFormat="1" ht="24.95" customHeight="1" x14ac:dyDescent="0.25">
      <c r="B16" s="95" t="s">
        <v>53</v>
      </c>
      <c r="C16" s="95"/>
      <c r="D16" s="95"/>
      <c r="E16" s="23"/>
      <c r="F16" s="24"/>
    </row>
    <row r="17" spans="2:6" ht="5.0999999999999996" customHeight="1" x14ac:dyDescent="0.2">
      <c r="B17" s="96"/>
      <c r="C17" s="96"/>
      <c r="D17" s="96"/>
      <c r="F17" s="27"/>
    </row>
    <row r="18" spans="2:6" s="16" customFormat="1" ht="20.100000000000001" customHeight="1" x14ac:dyDescent="0.25">
      <c r="B18" s="94" t="s">
        <v>23</v>
      </c>
      <c r="C18" s="94"/>
      <c r="D18" s="94"/>
      <c r="E18" s="94"/>
      <c r="F18" s="94"/>
    </row>
    <row r="19" spans="2:6" ht="33" customHeight="1" x14ac:dyDescent="0.2">
      <c r="B19" s="133" t="s">
        <v>81</v>
      </c>
      <c r="C19" s="133"/>
      <c r="D19" s="133"/>
      <c r="E19" s="133"/>
      <c r="F19" s="133"/>
    </row>
    <row r="20" spans="2:6" ht="5.0999999999999996" customHeight="1" x14ac:dyDescent="0.2">
      <c r="B20" s="96"/>
      <c r="C20" s="96"/>
      <c r="D20" s="96"/>
      <c r="F20" s="27"/>
    </row>
    <row r="21" spans="2:6" s="16" customFormat="1" ht="20.100000000000001" customHeight="1" x14ac:dyDescent="0.25">
      <c r="B21" s="94" t="s">
        <v>24</v>
      </c>
      <c r="C21" s="94"/>
      <c r="D21" s="94"/>
      <c r="E21" s="94"/>
      <c r="F21" s="94"/>
    </row>
    <row r="22" spans="2:6" s="28" customFormat="1" ht="20.100000000000001" customHeight="1" x14ac:dyDescent="0.25">
      <c r="B22" s="134" t="s">
        <v>6</v>
      </c>
      <c r="C22" s="134"/>
      <c r="D22" s="134"/>
      <c r="E22" s="134"/>
      <c r="F22" s="134"/>
    </row>
    <row r="23" spans="2:6" s="28" customFormat="1" ht="20.100000000000001" customHeight="1" x14ac:dyDescent="0.25">
      <c r="B23" s="99" t="s">
        <v>17</v>
      </c>
      <c r="C23" s="100"/>
      <c r="D23" s="88"/>
      <c r="E23" s="88"/>
      <c r="F23" s="88"/>
    </row>
    <row r="24" spans="2:6" s="28" customFormat="1" ht="20.100000000000001" customHeight="1" x14ac:dyDescent="0.25">
      <c r="B24" s="29"/>
      <c r="C24" s="29" t="s">
        <v>21</v>
      </c>
      <c r="D24" s="88"/>
      <c r="E24" s="88"/>
      <c r="F24" s="88"/>
    </row>
    <row r="25" spans="2:6" s="28" customFormat="1" ht="20.100000000000001" customHeight="1" x14ac:dyDescent="0.25">
      <c r="B25" s="29"/>
      <c r="C25" s="29" t="s">
        <v>22</v>
      </c>
      <c r="D25" s="88"/>
      <c r="E25" s="88"/>
      <c r="F25" s="88"/>
    </row>
    <row r="26" spans="2:6" s="28" customFormat="1" ht="20.100000000000001" customHeight="1" x14ac:dyDescent="0.25">
      <c r="B26" s="99" t="s">
        <v>18</v>
      </c>
      <c r="C26" s="100"/>
      <c r="D26" s="88"/>
      <c r="E26" s="88"/>
      <c r="F26" s="88"/>
    </row>
    <row r="27" spans="2:6" s="28" customFormat="1" ht="53.25" customHeight="1" x14ac:dyDescent="0.25">
      <c r="B27" s="30" t="s">
        <v>19</v>
      </c>
      <c r="C27" s="135" t="s">
        <v>13</v>
      </c>
      <c r="D27" s="136"/>
      <c r="E27" s="31" t="s">
        <v>12</v>
      </c>
      <c r="F27" s="31" t="s">
        <v>82</v>
      </c>
    </row>
    <row r="28" spans="2:6" s="28" customFormat="1" ht="24.95" customHeight="1" x14ac:dyDescent="0.25">
      <c r="B28" s="32" t="s">
        <v>2</v>
      </c>
      <c r="C28" s="146" t="s">
        <v>80</v>
      </c>
      <c r="D28" s="147"/>
      <c r="E28" s="33" t="s">
        <v>1</v>
      </c>
      <c r="F28" s="68">
        <v>60</v>
      </c>
    </row>
    <row r="29" spans="2:6" s="28" customFormat="1" ht="4.5" customHeight="1" x14ac:dyDescent="0.25">
      <c r="B29" s="88"/>
      <c r="C29" s="88"/>
      <c r="D29" s="88"/>
      <c r="E29" s="88"/>
      <c r="F29" s="88"/>
    </row>
    <row r="30" spans="2:6" s="28" customFormat="1" ht="20.100000000000001" customHeight="1" x14ac:dyDescent="0.25">
      <c r="B30" s="99" t="s">
        <v>20</v>
      </c>
      <c r="C30" s="100"/>
      <c r="D30" s="88"/>
      <c r="E30" s="88"/>
      <c r="F30" s="88"/>
    </row>
    <row r="31" spans="2:6" s="28" customFormat="1" ht="20.100000000000001" customHeight="1" x14ac:dyDescent="0.2">
      <c r="B31" s="12"/>
      <c r="C31" s="28" t="s">
        <v>3</v>
      </c>
      <c r="D31" s="88"/>
      <c r="E31" s="88"/>
      <c r="F31" s="88"/>
    </row>
    <row r="32" spans="2:6" s="28" customFormat="1" ht="20.100000000000001" customHeight="1" x14ac:dyDescent="0.25">
      <c r="B32" s="29"/>
      <c r="C32" s="16" t="s">
        <v>4</v>
      </c>
      <c r="D32" s="88"/>
      <c r="E32" s="88"/>
      <c r="F32" s="88"/>
    </row>
    <row r="33" spans="2:7" ht="5.0999999999999996" customHeight="1" x14ac:dyDescent="0.2"/>
    <row r="34" spans="2:7" s="16" customFormat="1" ht="20.100000000000001" customHeight="1" x14ac:dyDescent="0.25">
      <c r="B34" s="94" t="s">
        <v>25</v>
      </c>
      <c r="C34" s="94"/>
      <c r="D34" s="94"/>
      <c r="E34" s="94"/>
      <c r="F34" s="94"/>
    </row>
    <row r="35" spans="2:7" s="16" customFormat="1" ht="5.0999999999999996" customHeight="1" thickBot="1" x14ac:dyDescent="0.3">
      <c r="B35" s="27"/>
      <c r="D35" s="34"/>
      <c r="E35" s="34"/>
      <c r="F35" s="34"/>
    </row>
    <row r="36" spans="2:7" s="25" customFormat="1" ht="93" customHeight="1" x14ac:dyDescent="0.25">
      <c r="B36" s="137" t="s">
        <v>0</v>
      </c>
      <c r="C36" s="138"/>
      <c r="D36" s="141" t="s">
        <v>54</v>
      </c>
      <c r="E36" s="142"/>
      <c r="F36" s="143"/>
      <c r="G36" s="35"/>
    </row>
    <row r="37" spans="2:7" s="25" customFormat="1" ht="30" customHeight="1" thickBot="1" x14ac:dyDescent="0.3">
      <c r="B37" s="139"/>
      <c r="C37" s="140"/>
      <c r="D37" s="63" t="s">
        <v>26</v>
      </c>
      <c r="E37" s="144" t="s">
        <v>27</v>
      </c>
      <c r="F37" s="145"/>
    </row>
    <row r="38" spans="2:7" s="36" customFormat="1" ht="30.75" customHeight="1" x14ac:dyDescent="0.25">
      <c r="B38" s="148" t="s">
        <v>89</v>
      </c>
      <c r="C38" s="149"/>
      <c r="D38" s="149"/>
      <c r="E38" s="149"/>
      <c r="F38" s="150"/>
    </row>
    <row r="39" spans="2:7" s="38" customFormat="1" ht="30" customHeight="1" x14ac:dyDescent="0.25">
      <c r="B39" s="69" t="s">
        <v>15</v>
      </c>
      <c r="C39" s="70" t="s">
        <v>79</v>
      </c>
      <c r="D39" s="37"/>
      <c r="E39" s="92"/>
      <c r="F39" s="93"/>
    </row>
    <row r="40" spans="2:7" s="38" customFormat="1" ht="27.75" customHeight="1" x14ac:dyDescent="0.25">
      <c r="B40" s="69" t="s">
        <v>65</v>
      </c>
      <c r="C40" s="71" t="s">
        <v>100</v>
      </c>
      <c r="D40" s="37"/>
      <c r="E40" s="92"/>
      <c r="F40" s="93"/>
    </row>
    <row r="41" spans="2:7" s="38" customFormat="1" ht="43.5" customHeight="1" x14ac:dyDescent="0.25">
      <c r="B41" s="69" t="s">
        <v>66</v>
      </c>
      <c r="C41" s="70" t="s">
        <v>83</v>
      </c>
      <c r="D41" s="37"/>
      <c r="E41" s="101"/>
      <c r="F41" s="102"/>
    </row>
    <row r="42" spans="2:7" s="38" customFormat="1" ht="34.5" customHeight="1" x14ac:dyDescent="0.25">
      <c r="B42" s="69" t="s">
        <v>67</v>
      </c>
      <c r="C42" s="70" t="s">
        <v>84</v>
      </c>
      <c r="D42" s="37"/>
      <c r="E42" s="101"/>
      <c r="F42" s="102"/>
    </row>
    <row r="43" spans="2:7" s="38" customFormat="1" ht="34.5" customHeight="1" x14ac:dyDescent="0.25">
      <c r="B43" s="69" t="s">
        <v>68</v>
      </c>
      <c r="C43" s="70" t="s">
        <v>85</v>
      </c>
      <c r="D43" s="37"/>
      <c r="E43" s="101"/>
      <c r="F43" s="102"/>
    </row>
    <row r="44" spans="2:7" s="38" customFormat="1" ht="30" customHeight="1" x14ac:dyDescent="0.25">
      <c r="B44" s="69" t="s">
        <v>69</v>
      </c>
      <c r="C44" s="70" t="s">
        <v>86</v>
      </c>
      <c r="D44" s="37"/>
      <c r="E44" s="92"/>
      <c r="F44" s="93"/>
    </row>
    <row r="45" spans="2:7" s="38" customFormat="1" ht="30" customHeight="1" x14ac:dyDescent="0.25">
      <c r="B45" s="69" t="s">
        <v>70</v>
      </c>
      <c r="C45" s="70" t="s">
        <v>87</v>
      </c>
      <c r="D45" s="37"/>
      <c r="E45" s="92"/>
      <c r="F45" s="93"/>
    </row>
    <row r="46" spans="2:7" s="38" customFormat="1" ht="41.25" customHeight="1" x14ac:dyDescent="0.25">
      <c r="B46" s="69" t="s">
        <v>71</v>
      </c>
      <c r="C46" s="70" t="s">
        <v>88</v>
      </c>
      <c r="D46" s="37"/>
      <c r="E46" s="92"/>
      <c r="F46" s="93"/>
    </row>
    <row r="47" spans="2:7" s="38" customFormat="1" ht="30" customHeight="1" x14ac:dyDescent="0.25">
      <c r="B47" s="69" t="s">
        <v>72</v>
      </c>
      <c r="C47" s="71" t="s">
        <v>105</v>
      </c>
      <c r="D47" s="37"/>
      <c r="E47" s="92"/>
      <c r="F47" s="93"/>
    </row>
    <row r="48" spans="2:7" s="38" customFormat="1" ht="41.25" customHeight="1" x14ac:dyDescent="0.25">
      <c r="B48" s="72" t="s">
        <v>73</v>
      </c>
      <c r="C48" s="70" t="s">
        <v>91</v>
      </c>
      <c r="D48" s="37"/>
      <c r="E48" s="92"/>
      <c r="F48" s="93"/>
    </row>
    <row r="49" spans="2:6" s="38" customFormat="1" ht="51" customHeight="1" x14ac:dyDescent="0.25">
      <c r="B49" s="69" t="s">
        <v>74</v>
      </c>
      <c r="C49" s="70" t="s">
        <v>92</v>
      </c>
      <c r="D49" s="37"/>
      <c r="E49" s="92"/>
      <c r="F49" s="93"/>
    </row>
    <row r="50" spans="2:6" s="38" customFormat="1" ht="36.75" customHeight="1" x14ac:dyDescent="0.25">
      <c r="B50" s="69" t="s">
        <v>75</v>
      </c>
      <c r="C50" s="70" t="s">
        <v>93</v>
      </c>
      <c r="D50" s="37"/>
      <c r="E50" s="92"/>
      <c r="F50" s="93"/>
    </row>
    <row r="51" spans="2:6" s="38" customFormat="1" ht="47.25" customHeight="1" x14ac:dyDescent="0.25">
      <c r="B51" s="69" t="s">
        <v>96</v>
      </c>
      <c r="C51" s="70" t="s">
        <v>94</v>
      </c>
      <c r="D51" s="37"/>
      <c r="E51" s="92"/>
      <c r="F51" s="93"/>
    </row>
    <row r="52" spans="2:6" s="38" customFormat="1" ht="46.5" customHeight="1" x14ac:dyDescent="0.25">
      <c r="B52" s="69" t="s">
        <v>97</v>
      </c>
      <c r="C52" s="70" t="s">
        <v>95</v>
      </c>
      <c r="D52" s="37"/>
      <c r="E52" s="92"/>
      <c r="F52" s="93"/>
    </row>
    <row r="53" spans="2:6" s="38" customFormat="1" ht="36.75" customHeight="1" x14ac:dyDescent="0.25">
      <c r="B53" s="69" t="s">
        <v>98</v>
      </c>
      <c r="C53" s="70" t="s">
        <v>99</v>
      </c>
      <c r="D53" s="37"/>
      <c r="E53" s="92"/>
      <c r="F53" s="93"/>
    </row>
    <row r="54" spans="2:6" s="38" customFormat="1" ht="30" customHeight="1" x14ac:dyDescent="0.25">
      <c r="B54" s="69" t="s">
        <v>76</v>
      </c>
      <c r="C54" s="71" t="s">
        <v>106</v>
      </c>
      <c r="D54" s="37"/>
      <c r="E54" s="92"/>
      <c r="F54" s="93"/>
    </row>
    <row r="55" spans="2:6" s="38" customFormat="1" ht="30" customHeight="1" x14ac:dyDescent="0.25">
      <c r="B55" s="69" t="s">
        <v>77</v>
      </c>
      <c r="C55" s="70" t="s">
        <v>101</v>
      </c>
      <c r="D55" s="37"/>
      <c r="E55" s="92"/>
      <c r="F55" s="93"/>
    </row>
    <row r="56" spans="2:6" s="38" customFormat="1" ht="30" customHeight="1" thickBot="1" x14ac:dyDescent="0.3">
      <c r="B56" s="73" t="s">
        <v>78</v>
      </c>
      <c r="C56" s="153" t="s">
        <v>102</v>
      </c>
      <c r="D56" s="61"/>
      <c r="E56" s="108"/>
      <c r="F56" s="109"/>
    </row>
    <row r="57" spans="2:6" s="25" customFormat="1" ht="17.25" customHeight="1" x14ac:dyDescent="0.25">
      <c r="B57" s="39"/>
      <c r="C57" s="40"/>
      <c r="D57" s="41"/>
      <c r="E57" s="41"/>
      <c r="F57" s="42"/>
    </row>
    <row r="58" spans="2:6" s="16" customFormat="1" ht="20.100000000000001" customHeight="1" x14ac:dyDescent="0.25">
      <c r="B58" s="94" t="s">
        <v>42</v>
      </c>
      <c r="C58" s="94"/>
      <c r="D58" s="94"/>
      <c r="E58" s="94"/>
      <c r="F58" s="94"/>
    </row>
    <row r="59" spans="2:6" s="16" customFormat="1" ht="5.0999999999999996" customHeight="1" thickBot="1" x14ac:dyDescent="0.3">
      <c r="B59" s="27"/>
      <c r="D59" s="34"/>
      <c r="E59" s="34"/>
      <c r="F59" s="34"/>
    </row>
    <row r="60" spans="2:6" s="25" customFormat="1" ht="69" customHeight="1" x14ac:dyDescent="0.25">
      <c r="B60" s="137" t="s">
        <v>8</v>
      </c>
      <c r="C60" s="138"/>
      <c r="D60" s="141" t="s">
        <v>55</v>
      </c>
      <c r="E60" s="142"/>
      <c r="F60" s="143"/>
    </row>
    <row r="61" spans="2:6" s="25" customFormat="1" ht="30" customHeight="1" thickBot="1" x14ac:dyDescent="0.3">
      <c r="B61" s="139"/>
      <c r="C61" s="140"/>
      <c r="D61" s="63" t="s">
        <v>7</v>
      </c>
      <c r="E61" s="151" t="s">
        <v>28</v>
      </c>
      <c r="F61" s="152"/>
    </row>
    <row r="62" spans="2:6" s="16" customFormat="1" ht="66" customHeight="1" x14ac:dyDescent="0.25">
      <c r="B62" s="57" t="s">
        <v>15</v>
      </c>
      <c r="C62" s="74" t="s">
        <v>144</v>
      </c>
      <c r="D62" s="62"/>
      <c r="E62" s="131"/>
      <c r="F62" s="132"/>
    </row>
    <row r="63" spans="2:6" s="16" customFormat="1" ht="55.5" customHeight="1" x14ac:dyDescent="0.25">
      <c r="B63" s="75" t="s">
        <v>50</v>
      </c>
      <c r="C63" s="76" t="s">
        <v>107</v>
      </c>
      <c r="D63" s="37"/>
      <c r="E63" s="127"/>
      <c r="F63" s="128"/>
    </row>
    <row r="64" spans="2:6" s="16" customFormat="1" ht="35.25" customHeight="1" x14ac:dyDescent="0.25">
      <c r="B64" s="75" t="s">
        <v>51</v>
      </c>
      <c r="C64" s="77" t="s">
        <v>108</v>
      </c>
      <c r="D64" s="37"/>
      <c r="E64" s="127"/>
      <c r="F64" s="128"/>
    </row>
    <row r="65" spans="2:6" s="16" customFormat="1" ht="35.25" customHeight="1" x14ac:dyDescent="0.25">
      <c r="B65" s="78" t="s">
        <v>109</v>
      </c>
      <c r="C65" s="79" t="s">
        <v>110</v>
      </c>
      <c r="D65" s="37"/>
      <c r="E65" s="127"/>
      <c r="F65" s="128"/>
    </row>
    <row r="66" spans="2:6" s="16" customFormat="1" ht="35.25" customHeight="1" x14ac:dyDescent="0.25">
      <c r="B66" s="78" t="s">
        <v>111</v>
      </c>
      <c r="C66" s="80" t="s">
        <v>112</v>
      </c>
      <c r="D66" s="37"/>
      <c r="E66" s="127"/>
      <c r="F66" s="128"/>
    </row>
    <row r="67" spans="2:6" s="16" customFormat="1" ht="35.25" customHeight="1" x14ac:dyDescent="0.25">
      <c r="B67" s="78" t="s">
        <v>113</v>
      </c>
      <c r="C67" s="80" t="s">
        <v>114</v>
      </c>
      <c r="D67" s="37"/>
      <c r="E67" s="127"/>
      <c r="F67" s="128"/>
    </row>
    <row r="68" spans="2:6" s="16" customFormat="1" ht="51" customHeight="1" x14ac:dyDescent="0.25">
      <c r="B68" s="78" t="s">
        <v>115</v>
      </c>
      <c r="C68" s="81" t="s">
        <v>116</v>
      </c>
      <c r="D68" s="37"/>
      <c r="E68" s="127"/>
      <c r="F68" s="128"/>
    </row>
    <row r="69" spans="2:6" s="16" customFormat="1" ht="125.25" customHeight="1" x14ac:dyDescent="0.25">
      <c r="B69" s="66" t="s">
        <v>117</v>
      </c>
      <c r="C69" s="82" t="s">
        <v>118</v>
      </c>
      <c r="D69" s="37"/>
      <c r="E69" s="127"/>
      <c r="F69" s="128"/>
    </row>
    <row r="70" spans="2:6" s="16" customFormat="1" ht="258.75" customHeight="1" x14ac:dyDescent="0.25">
      <c r="B70" s="66" t="s">
        <v>52</v>
      </c>
      <c r="C70" s="83" t="s">
        <v>119</v>
      </c>
      <c r="D70" s="37"/>
      <c r="E70" s="127"/>
      <c r="F70" s="128"/>
    </row>
    <row r="71" spans="2:6" s="16" customFormat="1" ht="120.75" customHeight="1" x14ac:dyDescent="0.25">
      <c r="B71" s="66" t="s">
        <v>120</v>
      </c>
      <c r="C71" s="76" t="s">
        <v>121</v>
      </c>
      <c r="D71" s="37"/>
      <c r="E71" s="127"/>
      <c r="F71" s="128"/>
    </row>
    <row r="72" spans="2:6" s="16" customFormat="1" ht="114" customHeight="1" x14ac:dyDescent="0.25">
      <c r="B72" s="66" t="s">
        <v>122</v>
      </c>
      <c r="C72" s="76" t="s">
        <v>123</v>
      </c>
      <c r="D72" s="37"/>
      <c r="E72" s="127"/>
      <c r="F72" s="128"/>
    </row>
    <row r="73" spans="2:6" s="16" customFormat="1" ht="75" customHeight="1" x14ac:dyDescent="0.25">
      <c r="B73" s="66" t="s">
        <v>124</v>
      </c>
      <c r="C73" s="76" t="s">
        <v>125</v>
      </c>
      <c r="D73" s="37"/>
      <c r="E73" s="127"/>
      <c r="F73" s="128"/>
    </row>
    <row r="74" spans="2:6" s="16" customFormat="1" ht="99" customHeight="1" x14ac:dyDescent="0.25">
      <c r="B74" s="66" t="s">
        <v>126</v>
      </c>
      <c r="C74" s="83" t="s">
        <v>127</v>
      </c>
      <c r="D74" s="37"/>
      <c r="E74" s="127"/>
      <c r="F74" s="128"/>
    </row>
    <row r="75" spans="2:6" s="16" customFormat="1" ht="97.5" customHeight="1" x14ac:dyDescent="0.25">
      <c r="B75" s="66" t="s">
        <v>128</v>
      </c>
      <c r="C75" s="76" t="s">
        <v>129</v>
      </c>
      <c r="D75" s="37"/>
      <c r="E75" s="127"/>
      <c r="F75" s="128"/>
    </row>
    <row r="76" spans="2:6" s="16" customFormat="1" ht="112.5" customHeight="1" x14ac:dyDescent="0.25">
      <c r="B76" s="84" t="s">
        <v>130</v>
      </c>
      <c r="C76" s="76" t="s">
        <v>131</v>
      </c>
      <c r="D76" s="37"/>
      <c r="E76" s="127"/>
      <c r="F76" s="128"/>
    </row>
    <row r="77" spans="2:6" s="16" customFormat="1" ht="55.5" customHeight="1" x14ac:dyDescent="0.25">
      <c r="B77" s="84" t="s">
        <v>132</v>
      </c>
      <c r="C77" s="76" t="s">
        <v>133</v>
      </c>
      <c r="D77" s="37"/>
      <c r="E77" s="127"/>
      <c r="F77" s="128"/>
    </row>
    <row r="78" spans="2:6" s="16" customFormat="1" ht="61.5" customHeight="1" x14ac:dyDescent="0.25">
      <c r="B78" s="84" t="s">
        <v>134</v>
      </c>
      <c r="C78" s="76" t="s">
        <v>135</v>
      </c>
      <c r="D78" s="37"/>
      <c r="E78" s="127"/>
      <c r="F78" s="128"/>
    </row>
    <row r="79" spans="2:6" s="16" customFormat="1" ht="85.5" customHeight="1" x14ac:dyDescent="0.25">
      <c r="B79" s="66" t="s">
        <v>136</v>
      </c>
      <c r="C79" s="76" t="s">
        <v>137</v>
      </c>
      <c r="D79" s="37"/>
      <c r="E79" s="127"/>
      <c r="F79" s="128"/>
    </row>
    <row r="80" spans="2:6" s="16" customFormat="1" ht="213" customHeight="1" x14ac:dyDescent="0.25">
      <c r="B80" s="66" t="s">
        <v>138</v>
      </c>
      <c r="C80" s="76" t="s">
        <v>139</v>
      </c>
      <c r="D80" s="37"/>
      <c r="E80" s="127"/>
      <c r="F80" s="128"/>
    </row>
    <row r="81" spans="2:7" s="16" customFormat="1" ht="241.5" customHeight="1" x14ac:dyDescent="0.25">
      <c r="B81" s="66" t="s">
        <v>140</v>
      </c>
      <c r="C81" s="76" t="s">
        <v>141</v>
      </c>
      <c r="D81" s="37"/>
      <c r="E81" s="127"/>
      <c r="F81" s="128"/>
    </row>
    <row r="82" spans="2:7" s="16" customFormat="1" ht="93" customHeight="1" thickBot="1" x14ac:dyDescent="0.3">
      <c r="B82" s="85" t="s">
        <v>142</v>
      </c>
      <c r="C82" s="86" t="s">
        <v>143</v>
      </c>
      <c r="D82" s="61"/>
      <c r="E82" s="129"/>
      <c r="F82" s="130"/>
    </row>
    <row r="83" spans="2:7" s="25" customFormat="1" ht="18.75" customHeight="1" x14ac:dyDescent="0.25">
      <c r="B83" s="40"/>
      <c r="C83" s="40"/>
      <c r="D83" s="41"/>
      <c r="E83" s="41"/>
      <c r="F83" s="42"/>
      <c r="G83" s="16"/>
    </row>
    <row r="84" spans="2:7" s="16" customFormat="1" ht="18.75" customHeight="1" x14ac:dyDescent="0.25">
      <c r="B84" s="94" t="s">
        <v>47</v>
      </c>
      <c r="C84" s="94"/>
      <c r="D84" s="94"/>
      <c r="E84" s="94"/>
      <c r="F84" s="94"/>
    </row>
    <row r="85" spans="2:7" s="16" customFormat="1" ht="4.5" customHeight="1" thickBot="1" x14ac:dyDescent="0.3"/>
    <row r="86" spans="2:7" s="16" customFormat="1" ht="80.25" customHeight="1" x14ac:dyDescent="0.25">
      <c r="B86" s="111" t="s">
        <v>64</v>
      </c>
      <c r="C86" s="112"/>
      <c r="D86" s="115" t="s">
        <v>48</v>
      </c>
      <c r="E86" s="116"/>
      <c r="F86" s="117"/>
    </row>
    <row r="87" spans="2:7" s="25" customFormat="1" ht="29.25" customHeight="1" thickBot="1" x14ac:dyDescent="0.3">
      <c r="B87" s="113"/>
      <c r="C87" s="114"/>
      <c r="D87" s="64" t="s">
        <v>7</v>
      </c>
      <c r="E87" s="118" t="s">
        <v>28</v>
      </c>
      <c r="F87" s="119"/>
      <c r="G87" s="16"/>
    </row>
    <row r="88" spans="2:7" s="25" customFormat="1" ht="130.5" customHeight="1" x14ac:dyDescent="0.25">
      <c r="B88" s="57" t="s">
        <v>15</v>
      </c>
      <c r="C88" s="60" t="s">
        <v>63</v>
      </c>
      <c r="D88" s="43"/>
      <c r="E88" s="131"/>
      <c r="F88" s="132"/>
      <c r="G88" s="16"/>
    </row>
    <row r="89" spans="2:7" s="25" customFormat="1" ht="47.25" customHeight="1" x14ac:dyDescent="0.25">
      <c r="B89" s="66" t="s">
        <v>50</v>
      </c>
      <c r="C89" s="58" t="s">
        <v>103</v>
      </c>
      <c r="D89" s="65"/>
      <c r="E89" s="127"/>
      <c r="F89" s="128"/>
      <c r="G89" s="16"/>
    </row>
    <row r="90" spans="2:7" s="25" customFormat="1" ht="30" customHeight="1" x14ac:dyDescent="0.25">
      <c r="B90" s="67" t="s">
        <v>51</v>
      </c>
      <c r="C90" s="58" t="s">
        <v>49</v>
      </c>
      <c r="D90" s="65"/>
      <c r="E90" s="127"/>
      <c r="F90" s="128"/>
      <c r="G90" s="16"/>
    </row>
    <row r="91" spans="2:7" s="25" customFormat="1" ht="45.75" customHeight="1" thickBot="1" x14ac:dyDescent="0.3">
      <c r="B91" s="59" t="s">
        <v>52</v>
      </c>
      <c r="C91" s="87" t="s">
        <v>104</v>
      </c>
      <c r="D91" s="44"/>
      <c r="E91" s="129"/>
      <c r="F91" s="130"/>
      <c r="G91" s="16"/>
    </row>
    <row r="92" spans="2:7" s="16" customFormat="1" ht="15" customHeight="1" x14ac:dyDescent="0.25">
      <c r="B92" s="40"/>
      <c r="C92" s="40"/>
      <c r="D92" s="41"/>
      <c r="E92" s="41"/>
      <c r="F92" s="42"/>
    </row>
    <row r="93" spans="2:7" s="16" customFormat="1" ht="20.100000000000001" customHeight="1" x14ac:dyDescent="0.25">
      <c r="B93" s="94" t="s">
        <v>14</v>
      </c>
      <c r="C93" s="94"/>
      <c r="D93" s="94"/>
      <c r="E93" s="94"/>
      <c r="F93" s="94"/>
    </row>
    <row r="94" spans="2:7" s="25" customFormat="1" ht="24.75" customHeight="1" x14ac:dyDescent="0.25">
      <c r="B94" s="40" t="s">
        <v>16</v>
      </c>
      <c r="C94" s="124" t="s">
        <v>58</v>
      </c>
      <c r="D94" s="124"/>
      <c r="E94" s="124"/>
      <c r="F94" s="124"/>
      <c r="G94" s="16"/>
    </row>
    <row r="95" spans="2:7" s="25" customFormat="1" ht="23.25" customHeight="1" x14ac:dyDescent="0.25">
      <c r="B95" s="40" t="s">
        <v>61</v>
      </c>
      <c r="C95" s="124" t="s">
        <v>62</v>
      </c>
      <c r="D95" s="124"/>
      <c r="E95" s="124"/>
      <c r="F95" s="124"/>
      <c r="G95" s="16"/>
    </row>
    <row r="96" spans="2:7" s="45" customFormat="1" ht="30" customHeight="1" x14ac:dyDescent="0.25">
      <c r="B96" s="125" t="s">
        <v>29</v>
      </c>
      <c r="C96" s="125"/>
      <c r="D96" s="125"/>
      <c r="E96" s="125"/>
      <c r="F96" s="25"/>
      <c r="G96" s="16"/>
    </row>
    <row r="97" spans="1:15" s="16" customFormat="1" ht="24.95" customHeight="1" x14ac:dyDescent="0.25">
      <c r="B97" s="46" t="s">
        <v>30</v>
      </c>
      <c r="C97" s="122"/>
      <c r="D97" s="122"/>
      <c r="F97" s="45"/>
    </row>
    <row r="98" spans="1:15" s="16" customFormat="1" ht="24.95" customHeight="1" x14ac:dyDescent="0.25">
      <c r="B98" s="46" t="s">
        <v>31</v>
      </c>
      <c r="C98" s="122"/>
      <c r="D98" s="122"/>
      <c r="F98" s="45"/>
    </row>
    <row r="99" spans="1:15" s="16" customFormat="1" ht="24.95" customHeight="1" x14ac:dyDescent="0.25">
      <c r="B99" s="46" t="s">
        <v>32</v>
      </c>
      <c r="C99" s="122"/>
      <c r="D99" s="122"/>
      <c r="F99" s="45"/>
    </row>
    <row r="100" spans="1:15" s="25" customFormat="1" ht="24.95" customHeight="1" x14ac:dyDescent="0.25">
      <c r="B100" s="46" t="s">
        <v>33</v>
      </c>
      <c r="C100" s="122"/>
      <c r="D100" s="122"/>
      <c r="E100" s="16"/>
      <c r="F100" s="47"/>
      <c r="G100" s="16"/>
    </row>
    <row r="101" spans="1:15" s="16" customFormat="1" ht="14.25" customHeight="1" x14ac:dyDescent="0.2">
      <c r="B101" s="48"/>
      <c r="C101" s="1"/>
      <c r="D101" s="1"/>
      <c r="F101" s="49"/>
    </row>
    <row r="102" spans="1:15" s="25" customFormat="1" ht="15" customHeight="1" x14ac:dyDescent="0.25">
      <c r="B102" s="126" t="s">
        <v>34</v>
      </c>
      <c r="C102" s="126"/>
      <c r="D102" s="126"/>
      <c r="E102" s="126"/>
      <c r="F102" s="126"/>
    </row>
    <row r="103" spans="1:15" s="16" customFormat="1" ht="36.75" customHeight="1" x14ac:dyDescent="0.25">
      <c r="B103" s="123" t="s">
        <v>60</v>
      </c>
      <c r="C103" s="123"/>
      <c r="D103" s="123"/>
      <c r="E103" s="123"/>
      <c r="F103" s="123"/>
    </row>
    <row r="104" spans="1:15" s="16" customFormat="1" ht="20.100000000000001" customHeight="1" x14ac:dyDescent="0.2">
      <c r="B104" s="11"/>
      <c r="C104" s="11"/>
      <c r="D104" s="26"/>
      <c r="E104" s="26"/>
    </row>
    <row r="105" spans="1:15" s="25" customFormat="1" ht="4.5" customHeight="1" x14ac:dyDescent="0.2">
      <c r="B105" s="11"/>
      <c r="C105" s="11"/>
      <c r="D105" s="26"/>
      <c r="E105" s="26"/>
      <c r="F105" s="16"/>
    </row>
    <row r="106" spans="1:15" s="25" customFormat="1" ht="20.100000000000001" customHeight="1" x14ac:dyDescent="0.25">
      <c r="B106" s="50" t="s">
        <v>35</v>
      </c>
      <c r="C106" s="51"/>
      <c r="D106" s="52" t="s">
        <v>36</v>
      </c>
      <c r="E106" s="120"/>
      <c r="F106" s="120"/>
    </row>
    <row r="107" spans="1:15" s="25" customFormat="1" ht="20.100000000000001" customHeight="1" x14ac:dyDescent="0.25">
      <c r="B107" s="53"/>
      <c r="C107" s="53"/>
      <c r="D107" s="53"/>
      <c r="E107" s="54"/>
      <c r="F107" s="54"/>
    </row>
    <row r="108" spans="1:15" ht="20.100000000000001" customHeight="1" x14ac:dyDescent="0.2">
      <c r="B108" s="50" t="s">
        <v>37</v>
      </c>
      <c r="C108" s="51"/>
      <c r="D108" s="55" t="s">
        <v>38</v>
      </c>
      <c r="E108" s="121"/>
      <c r="F108" s="121"/>
    </row>
    <row r="109" spans="1:15" s="16" customFormat="1" ht="20.100000000000001" customHeight="1" x14ac:dyDescent="0.2">
      <c r="B109" s="11"/>
      <c r="C109" s="11"/>
      <c r="D109" s="55" t="s">
        <v>39</v>
      </c>
      <c r="E109" s="122"/>
      <c r="F109" s="122"/>
    </row>
    <row r="110" spans="1:15" s="16" customFormat="1" ht="20.100000000000001" customHeight="1" x14ac:dyDescent="0.2">
      <c r="B110" s="11"/>
      <c r="C110" s="11"/>
      <c r="D110" s="56" t="s">
        <v>40</v>
      </c>
      <c r="E110" s="11"/>
    </row>
    <row r="111" spans="1:15" s="1" customFormat="1" ht="12" x14ac:dyDescent="0.2">
      <c r="A111" s="110" t="s">
        <v>56</v>
      </c>
      <c r="B111" s="110"/>
      <c r="D111" s="89"/>
      <c r="E111" s="89"/>
      <c r="F111" s="2"/>
      <c r="G111" s="2"/>
      <c r="H111" s="2"/>
      <c r="I111" s="2"/>
      <c r="J111" s="2"/>
      <c r="K111" s="2"/>
      <c r="L111" s="2"/>
      <c r="M111" s="3"/>
      <c r="O111" s="3"/>
    </row>
    <row r="112" spans="1:15" s="10" customFormat="1" ht="15" x14ac:dyDescent="0.25">
      <c r="A112" s="4"/>
      <c r="B112" s="5" t="s">
        <v>57</v>
      </c>
      <c r="C112" s="6"/>
      <c r="D112" s="7"/>
      <c r="E112" s="7"/>
      <c r="F112" s="8"/>
      <c r="G112" s="8"/>
      <c r="H112" s="8"/>
      <c r="I112" s="8"/>
      <c r="J112" s="8"/>
      <c r="K112" s="8"/>
      <c r="L112" s="8"/>
      <c r="M112" s="9"/>
      <c r="O112" s="9"/>
    </row>
    <row r="113" spans="2:5" s="16" customFormat="1" ht="24" customHeight="1" x14ac:dyDescent="0.25"/>
    <row r="114" spans="2:5" s="16" customFormat="1" ht="24" customHeight="1" x14ac:dyDescent="0.25"/>
    <row r="115" spans="2:5" s="16" customFormat="1" ht="24" customHeight="1" x14ac:dyDescent="0.25"/>
    <row r="116" spans="2:5" s="16" customFormat="1" ht="20.100000000000001" customHeight="1" x14ac:dyDescent="0.25"/>
    <row r="117" spans="2:5" s="16" customFormat="1" ht="20.100000000000001" customHeight="1" x14ac:dyDescent="0.25"/>
    <row r="118" spans="2:5" s="16" customFormat="1" ht="50.1" customHeight="1" x14ac:dyDescent="0.25"/>
    <row r="119" spans="2:5" s="16" customFormat="1" ht="43.5" customHeight="1" x14ac:dyDescent="0.25"/>
    <row r="120" spans="2:5" ht="24.75" customHeight="1" x14ac:dyDescent="0.2">
      <c r="B120" s="16"/>
      <c r="C120" s="16"/>
      <c r="D120" s="16"/>
      <c r="E120" s="16"/>
    </row>
    <row r="121" spans="2:5" x14ac:dyDescent="0.2">
      <c r="B121" s="16"/>
      <c r="C121" s="16"/>
      <c r="D121" s="16"/>
      <c r="E121" s="16"/>
    </row>
    <row r="122" spans="2:5" ht="20.100000000000001" customHeight="1" x14ac:dyDescent="0.2"/>
    <row r="123" spans="2:5" ht="4.5" customHeight="1" x14ac:dyDescent="0.2"/>
    <row r="124" spans="2:5" ht="20.100000000000001" customHeight="1" x14ac:dyDescent="0.2"/>
    <row r="125" spans="2:5" ht="20.100000000000001" customHeight="1" x14ac:dyDescent="0.2"/>
    <row r="126" spans="2:5" ht="20.100000000000001" customHeight="1" x14ac:dyDescent="0.2"/>
  </sheetData>
  <sheetProtection algorithmName="SHA-512" hashValue="tOHlcbCWIMFxvl0PxMNe6esPtgecfy4ay/U2gtBvBPerROcQlOvKcJb4p7kO9PB5+s37tMz8fRYw3hgtV3kolA==" saltValue="iADytMyMGZ80uXqlG3n9NA==" spinCount="100000" sheet="1" formatCells="0" formatColumns="0" formatRows="0" insertColumns="0" insertRows="0" insertHyperlinks="0" deleteColumns="0" deleteRows="0" selectLockedCells="1" sort="0" autoFilter="0" pivotTables="0"/>
  <mergeCells count="91">
    <mergeCell ref="E68:F68"/>
    <mergeCell ref="E69:F69"/>
    <mergeCell ref="E70:F70"/>
    <mergeCell ref="E71:F71"/>
    <mergeCell ref="E63:F63"/>
    <mergeCell ref="E64:F64"/>
    <mergeCell ref="E65:F65"/>
    <mergeCell ref="E66:F66"/>
    <mergeCell ref="E67:F67"/>
    <mergeCell ref="E81:F81"/>
    <mergeCell ref="E82:F82"/>
    <mergeCell ref="E72:F72"/>
    <mergeCell ref="E73:F73"/>
    <mergeCell ref="E74:F74"/>
    <mergeCell ref="E75:F75"/>
    <mergeCell ref="E76:F76"/>
    <mergeCell ref="E77:F77"/>
    <mergeCell ref="E78:F78"/>
    <mergeCell ref="E79:F79"/>
    <mergeCell ref="E80:F80"/>
    <mergeCell ref="E62:F62"/>
    <mergeCell ref="B58:F58"/>
    <mergeCell ref="B60:C61"/>
    <mergeCell ref="D60:F60"/>
    <mergeCell ref="E61:F61"/>
    <mergeCell ref="E88:F88"/>
    <mergeCell ref="E89:F89"/>
    <mergeCell ref="B13:D13"/>
    <mergeCell ref="B19:F19"/>
    <mergeCell ref="B20:D20"/>
    <mergeCell ref="B22:F22"/>
    <mergeCell ref="C27:D27"/>
    <mergeCell ref="B36:C37"/>
    <mergeCell ref="D36:F36"/>
    <mergeCell ref="E37:F37"/>
    <mergeCell ref="B30:C30"/>
    <mergeCell ref="C28:D28"/>
    <mergeCell ref="B38:F38"/>
    <mergeCell ref="E39:F39"/>
    <mergeCell ref="E40:F40"/>
    <mergeCell ref="E41:F41"/>
    <mergeCell ref="C98:D98"/>
    <mergeCell ref="C99:D99"/>
    <mergeCell ref="C95:F95"/>
    <mergeCell ref="C100:D100"/>
    <mergeCell ref="E90:F90"/>
    <mergeCell ref="E91:F91"/>
    <mergeCell ref="E56:F56"/>
    <mergeCell ref="B21:F21"/>
    <mergeCell ref="A111:B111"/>
    <mergeCell ref="B84:F84"/>
    <mergeCell ref="B86:C87"/>
    <mergeCell ref="D86:F86"/>
    <mergeCell ref="E87:F87"/>
    <mergeCell ref="E106:F106"/>
    <mergeCell ref="E108:F108"/>
    <mergeCell ref="E109:F109"/>
    <mergeCell ref="B103:F103"/>
    <mergeCell ref="B93:F93"/>
    <mergeCell ref="C94:F94"/>
    <mergeCell ref="B96:E96"/>
    <mergeCell ref="B102:F102"/>
    <mergeCell ref="C97:D97"/>
    <mergeCell ref="E51:F51"/>
    <mergeCell ref="E52:F52"/>
    <mergeCell ref="E53:F53"/>
    <mergeCell ref="E54:F54"/>
    <mergeCell ref="E55:F55"/>
    <mergeCell ref="B2:F2"/>
    <mergeCell ref="B1:F1"/>
    <mergeCell ref="B23:C23"/>
    <mergeCell ref="B26:C26"/>
    <mergeCell ref="E43:F43"/>
    <mergeCell ref="E42:F42"/>
    <mergeCell ref="B3:F3"/>
    <mergeCell ref="B12:D12"/>
    <mergeCell ref="B7:F7"/>
    <mergeCell ref="B8:F8"/>
    <mergeCell ref="B9:F9"/>
    <mergeCell ref="B11:F11"/>
    <mergeCell ref="E48:F48"/>
    <mergeCell ref="B34:F34"/>
    <mergeCell ref="E49:F49"/>
    <mergeCell ref="E50:F50"/>
    <mergeCell ref="B16:D16"/>
    <mergeCell ref="B17:D17"/>
    <mergeCell ref="B18:F18"/>
    <mergeCell ref="E44:F44"/>
    <mergeCell ref="E45:F45"/>
    <mergeCell ref="E46:F46"/>
    <mergeCell ref="E47:F47"/>
  </mergeCells>
  <conditionalFormatting sqref="D62">
    <cfRule type="containsBlanks" dxfId="33" priority="458">
      <formula>LEN(TRIM(D62))=0</formula>
    </cfRule>
  </conditionalFormatting>
  <conditionalFormatting sqref="E108:F108">
    <cfRule type="containsBlanks" dxfId="32" priority="457">
      <formula>LEN(TRIM(E108))=0</formula>
    </cfRule>
  </conditionalFormatting>
  <conditionalFormatting sqref="C106">
    <cfRule type="containsBlanks" dxfId="31" priority="455">
      <formula>LEN(TRIM(C106))=0</formula>
    </cfRule>
  </conditionalFormatting>
  <conditionalFormatting sqref="E109:F109">
    <cfRule type="containsBlanks" dxfId="30" priority="456">
      <formula>LEN(TRIM(E109))=0</formula>
    </cfRule>
  </conditionalFormatting>
  <conditionalFormatting sqref="C108">
    <cfRule type="containsBlanks" dxfId="29" priority="454">
      <formula>LEN(TRIM(C108))=0</formula>
    </cfRule>
  </conditionalFormatting>
  <conditionalFormatting sqref="C4:C5">
    <cfRule type="containsBlanks" dxfId="28" priority="453">
      <formula>LEN(TRIM(C4))=0</formula>
    </cfRule>
  </conditionalFormatting>
  <conditionalFormatting sqref="C99:D99">
    <cfRule type="containsBlanks" dxfId="27" priority="443">
      <formula>LEN(TRIM(C99))=0</formula>
    </cfRule>
  </conditionalFormatting>
  <conditionalFormatting sqref="C98:D98">
    <cfRule type="containsBlanks" dxfId="26" priority="394">
      <formula>LEN(TRIM(C98))=0</formula>
    </cfRule>
  </conditionalFormatting>
  <conditionalFormatting sqref="C97:D97">
    <cfRule type="containsBlanks" dxfId="25" priority="393">
      <formula>LEN(TRIM(C97))=0</formula>
    </cfRule>
  </conditionalFormatting>
  <conditionalFormatting sqref="C100:D100">
    <cfRule type="containsBlanks" dxfId="24" priority="392">
      <formula>LEN(TRIM(C100))=0</formula>
    </cfRule>
  </conditionalFormatting>
  <conditionalFormatting sqref="D88">
    <cfRule type="containsBlanks" dxfId="23" priority="98">
      <formula>LEN(TRIM(D88))=0</formula>
    </cfRule>
  </conditionalFormatting>
  <conditionalFormatting sqref="D89">
    <cfRule type="containsBlanks" dxfId="22" priority="97">
      <formula>LEN(TRIM(D89))=0</formula>
    </cfRule>
  </conditionalFormatting>
  <conditionalFormatting sqref="D91">
    <cfRule type="containsBlanks" dxfId="21" priority="96">
      <formula>LEN(TRIM(D91))=0</formula>
    </cfRule>
  </conditionalFormatting>
  <conditionalFormatting sqref="D90">
    <cfRule type="containsBlanks" dxfId="20" priority="95">
      <formula>LEN(TRIM(D90))=0</formula>
    </cfRule>
  </conditionalFormatting>
  <conditionalFormatting sqref="D74:D77 D63:D66">
    <cfRule type="containsBlanks" dxfId="19" priority="82">
      <formula>LEN(TRIM(D63))=0</formula>
    </cfRule>
  </conditionalFormatting>
  <conditionalFormatting sqref="D73">
    <cfRule type="containsBlanks" dxfId="18" priority="81">
      <formula>LEN(TRIM(D73))=0</formula>
    </cfRule>
  </conditionalFormatting>
  <conditionalFormatting sqref="D67:D72">
    <cfRule type="containsBlanks" dxfId="17" priority="80">
      <formula>LEN(TRIM(D67))=0</formula>
    </cfRule>
  </conditionalFormatting>
  <conditionalFormatting sqref="D78">
    <cfRule type="containsBlanks" dxfId="16" priority="79">
      <formula>LEN(TRIM(D78))=0</formula>
    </cfRule>
  </conditionalFormatting>
  <conditionalFormatting sqref="D79:D80">
    <cfRule type="containsBlanks" dxfId="15" priority="78">
      <formula>LEN(TRIM(D79))=0</formula>
    </cfRule>
  </conditionalFormatting>
  <conditionalFormatting sqref="D81:D82">
    <cfRule type="containsBlanks" dxfId="14" priority="77">
      <formula>LEN(TRIM(D81))=0</formula>
    </cfRule>
  </conditionalFormatting>
  <conditionalFormatting sqref="D39">
    <cfRule type="containsBlanks" dxfId="13" priority="75">
      <formula>LEN(TRIM(D39))=0</formula>
    </cfRule>
  </conditionalFormatting>
  <conditionalFormatting sqref="D40:D41">
    <cfRule type="containsBlanks" dxfId="12" priority="72">
      <formula>LEN(TRIM(D40))=0</formula>
    </cfRule>
  </conditionalFormatting>
  <conditionalFormatting sqref="D42">
    <cfRule type="containsBlanks" dxfId="11" priority="71">
      <formula>LEN(TRIM(D42))=0</formula>
    </cfRule>
  </conditionalFormatting>
  <conditionalFormatting sqref="D43">
    <cfRule type="containsBlanks" dxfId="10" priority="70">
      <formula>LEN(TRIM(D43))=0</formula>
    </cfRule>
  </conditionalFormatting>
  <conditionalFormatting sqref="D44:D45">
    <cfRule type="containsBlanks" dxfId="9" priority="69">
      <formula>LEN(TRIM(D44))=0</formula>
    </cfRule>
  </conditionalFormatting>
  <conditionalFormatting sqref="D46">
    <cfRule type="containsBlanks" dxfId="8" priority="68">
      <formula>LEN(TRIM(D46))=0</formula>
    </cfRule>
  </conditionalFormatting>
  <conditionalFormatting sqref="D53">
    <cfRule type="containsBlanks" dxfId="7" priority="64">
      <formula>LEN(TRIM(D53))=0</formula>
    </cfRule>
  </conditionalFormatting>
  <conditionalFormatting sqref="D47 D51">
    <cfRule type="containsBlanks" dxfId="6" priority="66">
      <formula>LEN(TRIM(D47))=0</formula>
    </cfRule>
  </conditionalFormatting>
  <conditionalFormatting sqref="D52">
    <cfRule type="containsBlanks" dxfId="5" priority="65">
      <formula>LEN(TRIM(D52))=0</formula>
    </cfRule>
  </conditionalFormatting>
  <conditionalFormatting sqref="D54:D55">
    <cfRule type="containsBlanks" dxfId="4" priority="63">
      <formula>LEN(TRIM(D54))=0</formula>
    </cfRule>
  </conditionalFormatting>
  <conditionalFormatting sqref="D56">
    <cfRule type="containsBlanks" dxfId="3" priority="62">
      <formula>LEN(TRIM(D56))=0</formula>
    </cfRule>
  </conditionalFormatting>
  <conditionalFormatting sqref="D48">
    <cfRule type="containsBlanks" dxfId="2" priority="3">
      <formula>LEN(TRIM(D48))=0</formula>
    </cfRule>
  </conditionalFormatting>
  <conditionalFormatting sqref="D49">
    <cfRule type="containsBlanks" dxfId="1" priority="2">
      <formula>LEN(TRIM(D49))=0</formula>
    </cfRule>
  </conditionalFormatting>
  <conditionalFormatting sqref="D50">
    <cfRule type="containsBlanks" dxfId="0" priority="1">
      <formula>LEN(TRIM(D50))=0</formula>
    </cfRule>
  </conditionalFormatting>
  <printOptions horizontalCentered="1"/>
  <pageMargins left="0.70866141732283472" right="0.70866141732283472" top="0.9055118110236221" bottom="0.74803149606299213" header="0.31496062992125984" footer="0.31496062992125984"/>
  <pageSetup paperSize="9" scale="52"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1-03T12:10:15Z</cp:lastPrinted>
  <dcterms:created xsi:type="dcterms:W3CDTF">2017-04-21T05:51:15Z</dcterms:created>
  <dcterms:modified xsi:type="dcterms:W3CDTF">2025-05-07T07:56:44Z</dcterms:modified>
</cp:coreProperties>
</file>